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5" d="100"/>
          <a:sy n="105" d="100"/>
        </p:scale>
        <p:origin x="85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out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DD7AF77B-FB17-EC10-D51F-9158C5BDCB6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6195" y="4860677"/>
            <a:ext cx="2068430" cy="179953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8E165218-DA1E-9751-7EBB-CDB77735CD2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7341" y="3848163"/>
            <a:ext cx="1797393" cy="156373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7-26T15:28:16Z</dcterms:modified>
</cp:coreProperties>
</file>